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6年度\01_ワーク\"/>
    </mc:Choice>
  </mc:AlternateContent>
  <bookViews>
    <workbookView xWindow="0" yWindow="0" windowWidth="20490" windowHeight="7755"/>
  </bookViews>
  <sheets>
    <sheet name="令和７年２月末" sheetId="1" r:id="rId1"/>
  </sheets>
  <definedNames>
    <definedName name="_xlnm.Print_Area" localSheetId="0">令和７年２月末!$A$1:$O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6" uniqueCount="32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皆減</t>
    <rPh sb="0" eb="2">
      <t>カイゲン</t>
    </rPh>
    <phoneticPr fontId="2"/>
  </si>
  <si>
    <t>令和６年度　県税調定収入状況（令和７年２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  <si>
    <t>皆減</t>
    <rPh sb="0" eb="2">
      <t>カイゲ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sqref="A1:O1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1"/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2" spans="1:16" s="3" customFormat="1" ht="24" customHeight="1" x14ac:dyDescent="0.15">
      <c r="A2" s="32" t="s">
        <v>30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3" t="s">
        <v>1</v>
      </c>
      <c r="B4" s="34"/>
      <c r="C4" s="34"/>
      <c r="D4" s="34"/>
      <c r="E4" s="34"/>
      <c r="F4" s="34"/>
      <c r="G4" s="35"/>
      <c r="H4" s="39" t="s">
        <v>2</v>
      </c>
      <c r="I4" s="40"/>
      <c r="J4" s="40"/>
      <c r="K4" s="41"/>
      <c r="L4" s="39" t="s">
        <v>3</v>
      </c>
      <c r="M4" s="40"/>
      <c r="N4" s="40"/>
      <c r="O4" s="41"/>
    </row>
    <row r="5" spans="1:16" ht="21.75" customHeight="1" x14ac:dyDescent="0.15">
      <c r="A5" s="36"/>
      <c r="B5" s="37"/>
      <c r="C5" s="37"/>
      <c r="D5" s="37"/>
      <c r="E5" s="37"/>
      <c r="F5" s="37"/>
      <c r="G5" s="38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2" t="s">
        <v>8</v>
      </c>
      <c r="C6" s="42"/>
      <c r="D6" s="42"/>
      <c r="E6" s="42"/>
      <c r="F6" s="42"/>
      <c r="G6" s="10"/>
      <c r="H6" s="11">
        <v>389764</v>
      </c>
      <c r="I6" s="11">
        <v>6926</v>
      </c>
      <c r="J6" s="11">
        <v>396690</v>
      </c>
      <c r="K6" s="12">
        <v>104.3</v>
      </c>
      <c r="L6" s="11">
        <v>315026</v>
      </c>
      <c r="M6" s="11">
        <v>2588</v>
      </c>
      <c r="N6" s="11">
        <v>317614</v>
      </c>
      <c r="O6" s="12">
        <v>104.8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12985</v>
      </c>
      <c r="I7" s="11">
        <v>6926</v>
      </c>
      <c r="J7" s="11">
        <v>319911</v>
      </c>
      <c r="K7" s="12">
        <v>96.3</v>
      </c>
      <c r="L7" s="11">
        <v>238246</v>
      </c>
      <c r="M7" s="11">
        <v>2588</v>
      </c>
      <c r="N7" s="11">
        <v>240835</v>
      </c>
      <c r="O7" s="12">
        <v>94.4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31483</v>
      </c>
      <c r="I8" s="11"/>
      <c r="J8" s="11">
        <v>31483</v>
      </c>
      <c r="K8" s="12">
        <v>138.30000000000001</v>
      </c>
      <c r="L8" s="11">
        <v>31483</v>
      </c>
      <c r="M8" s="11"/>
      <c r="N8" s="11">
        <v>31483</v>
      </c>
      <c r="O8" s="12">
        <v>138.30000000000001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45295</v>
      </c>
      <c r="I9" s="11"/>
      <c r="J9" s="11">
        <v>45295</v>
      </c>
      <c r="K9" s="12">
        <v>178.9</v>
      </c>
      <c r="L9" s="11">
        <v>45295</v>
      </c>
      <c r="M9" s="11"/>
      <c r="N9" s="11">
        <v>45295</v>
      </c>
      <c r="O9" s="12">
        <v>178.9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27877</v>
      </c>
      <c r="I10" s="11">
        <v>164</v>
      </c>
      <c r="J10" s="11">
        <v>28042</v>
      </c>
      <c r="K10" s="12">
        <v>113</v>
      </c>
      <c r="L10" s="11">
        <v>27431</v>
      </c>
      <c r="M10" s="11">
        <v>45</v>
      </c>
      <c r="N10" s="11">
        <v>27477</v>
      </c>
      <c r="O10" s="12">
        <v>113.4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1312</v>
      </c>
      <c r="I11" s="11"/>
      <c r="J11" s="11">
        <v>1312</v>
      </c>
      <c r="K11" s="12">
        <v>150.69999999999999</v>
      </c>
      <c r="L11" s="11">
        <v>1312</v>
      </c>
      <c r="M11" s="11"/>
      <c r="N11" s="11">
        <v>1312</v>
      </c>
      <c r="O11" s="12">
        <v>150.69999999999999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20989</v>
      </c>
      <c r="I12" s="11">
        <v>475</v>
      </c>
      <c r="J12" s="11">
        <v>21464</v>
      </c>
      <c r="K12" s="12">
        <v>102.1</v>
      </c>
      <c r="L12" s="11">
        <v>20678</v>
      </c>
      <c r="M12" s="11">
        <v>170</v>
      </c>
      <c r="N12" s="11">
        <v>20849</v>
      </c>
      <c r="O12" s="12">
        <v>102.2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326128</v>
      </c>
      <c r="I13" s="11">
        <v>1286</v>
      </c>
      <c r="J13" s="11">
        <v>327414</v>
      </c>
      <c r="K13" s="12">
        <v>106</v>
      </c>
      <c r="L13" s="11">
        <v>322433</v>
      </c>
      <c r="M13" s="11">
        <v>250</v>
      </c>
      <c r="N13" s="11">
        <v>322683</v>
      </c>
      <c r="O13" s="12">
        <v>106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262150</v>
      </c>
      <c r="I14" s="11"/>
      <c r="J14" s="11">
        <v>262150</v>
      </c>
      <c r="K14" s="12">
        <v>106.5</v>
      </c>
      <c r="L14" s="11">
        <v>262150</v>
      </c>
      <c r="M14" s="11"/>
      <c r="N14" s="11">
        <v>262150</v>
      </c>
      <c r="O14" s="12">
        <v>106.5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33066</v>
      </c>
      <c r="I15" s="11">
        <v>652</v>
      </c>
      <c r="J15" s="11">
        <v>33718</v>
      </c>
      <c r="K15" s="12">
        <v>110.7</v>
      </c>
      <c r="L15" s="11">
        <v>29312</v>
      </c>
      <c r="M15" s="11">
        <v>147</v>
      </c>
      <c r="N15" s="11">
        <v>29460</v>
      </c>
      <c r="O15" s="12">
        <v>109.1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8988</v>
      </c>
      <c r="I16" s="11"/>
      <c r="J16" s="11">
        <v>8988</v>
      </c>
      <c r="K16" s="12">
        <v>99.1</v>
      </c>
      <c r="L16" s="11">
        <v>8219</v>
      </c>
      <c r="M16" s="11"/>
      <c r="N16" s="11">
        <v>8219</v>
      </c>
      <c r="O16" s="12">
        <v>90.6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1524</v>
      </c>
      <c r="I17" s="11"/>
      <c r="J17" s="11">
        <v>1524</v>
      </c>
      <c r="K17" s="12">
        <v>100.7</v>
      </c>
      <c r="L17" s="11">
        <v>1524</v>
      </c>
      <c r="M17" s="11"/>
      <c r="N17" s="11">
        <v>1524</v>
      </c>
      <c r="O17" s="12">
        <v>100.7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36201</v>
      </c>
      <c r="I18" s="11">
        <v>1581</v>
      </c>
      <c r="J18" s="11">
        <v>37783</v>
      </c>
      <c r="K18" s="12">
        <v>99.2</v>
      </c>
      <c r="L18" s="11">
        <v>30152</v>
      </c>
      <c r="M18" s="11">
        <v>1581</v>
      </c>
      <c r="N18" s="11">
        <v>31733</v>
      </c>
      <c r="O18" s="12">
        <v>99.4</v>
      </c>
      <c r="P18" s="13"/>
    </row>
    <row r="19" spans="1:16" s="14" customFormat="1" ht="21.75" customHeight="1" x14ac:dyDescent="0.15">
      <c r="A19" s="15"/>
      <c r="B19" s="43" t="s">
        <v>21</v>
      </c>
      <c r="C19" s="43"/>
      <c r="D19" s="18"/>
      <c r="E19" s="19"/>
      <c r="F19" s="20" t="s">
        <v>22</v>
      </c>
      <c r="G19" s="10"/>
      <c r="H19" s="11">
        <v>10123</v>
      </c>
      <c r="I19" s="11">
        <v>0</v>
      </c>
      <c r="J19" s="11">
        <v>10123</v>
      </c>
      <c r="K19" s="21">
        <v>115.9</v>
      </c>
      <c r="L19" s="11">
        <v>10011</v>
      </c>
      <c r="M19" s="11">
        <v>0</v>
      </c>
      <c r="N19" s="11">
        <v>10012</v>
      </c>
      <c r="O19" s="21">
        <v>115.9</v>
      </c>
      <c r="P19" s="13"/>
    </row>
    <row r="20" spans="1:16" s="14" customFormat="1" ht="21.75" customHeight="1" x14ac:dyDescent="0.15">
      <c r="A20" s="17"/>
      <c r="B20" s="44"/>
      <c r="C20" s="44"/>
      <c r="D20" s="22"/>
      <c r="E20" s="23"/>
      <c r="F20" s="24" t="s">
        <v>23</v>
      </c>
      <c r="G20" s="10"/>
      <c r="H20" s="11">
        <v>87715</v>
      </c>
      <c r="I20" s="11">
        <v>469</v>
      </c>
      <c r="J20" s="11">
        <v>88184</v>
      </c>
      <c r="K20" s="12">
        <v>98.9</v>
      </c>
      <c r="L20" s="11">
        <v>87355</v>
      </c>
      <c r="M20" s="11">
        <v>162</v>
      </c>
      <c r="N20" s="11">
        <v>87517</v>
      </c>
      <c r="O20" s="12">
        <v>98.9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>
        <v>15</v>
      </c>
      <c r="I21" s="11"/>
      <c r="J21" s="11">
        <v>15</v>
      </c>
      <c r="K21" s="29">
        <v>103.1</v>
      </c>
      <c r="L21" s="11">
        <v>15</v>
      </c>
      <c r="M21" s="11"/>
      <c r="N21" s="11">
        <v>15</v>
      </c>
      <c r="O21" s="29">
        <v>103.1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70</v>
      </c>
      <c r="J22" s="11">
        <v>70</v>
      </c>
      <c r="K22" s="25">
        <v>47.3</v>
      </c>
      <c r="L22" s="26"/>
      <c r="M22" s="26">
        <v>5</v>
      </c>
      <c r="N22" s="26">
        <v>5</v>
      </c>
      <c r="O22" s="25">
        <v>31.4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/>
      <c r="I23" s="11"/>
      <c r="J23" s="11"/>
      <c r="K23" s="29" t="s">
        <v>29</v>
      </c>
      <c r="L23" s="11"/>
      <c r="M23" s="11"/>
      <c r="N23" s="11"/>
      <c r="O23" s="21" t="s">
        <v>31</v>
      </c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1205856</v>
      </c>
      <c r="I24" s="11">
        <v>11626</v>
      </c>
      <c r="J24" s="11">
        <v>1217483</v>
      </c>
      <c r="K24" s="12">
        <v>105</v>
      </c>
      <c r="L24" s="11">
        <v>1115623</v>
      </c>
      <c r="M24" s="11">
        <v>4952</v>
      </c>
      <c r="N24" s="11">
        <v>1120576</v>
      </c>
      <c r="O24" s="12">
        <v>105.1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７年２月末</vt:lpstr>
      <vt:lpstr>令和７年２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3-14T01:46:08Z</cp:lastPrinted>
  <dcterms:created xsi:type="dcterms:W3CDTF">2021-03-24T00:17:43Z</dcterms:created>
  <dcterms:modified xsi:type="dcterms:W3CDTF">2025-03-14T06:03:00Z</dcterms:modified>
</cp:coreProperties>
</file>